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chtsuster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20F01A9D-6AC0-5393-8981-80BF2B0F966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1886" y="5069118"/>
            <a:ext cx="2309590" cy="150585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72DDB345-B00B-FC3F-7D21-E46F14DB505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9" y="4180114"/>
            <a:ext cx="1766414" cy="115170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3-18T14:31:47Z</dcterms:modified>
</cp:coreProperties>
</file>